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41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56" r:id="rId2"/>
    <p:sldId id="351" r:id="rId3"/>
    <p:sldId id="408" r:id="rId4"/>
    <p:sldId id="425" r:id="rId5"/>
    <p:sldId id="412" r:id="rId6"/>
    <p:sldId id="415" r:id="rId7"/>
    <p:sldId id="424" r:id="rId8"/>
    <p:sldId id="417" r:id="rId9"/>
    <p:sldId id="418" r:id="rId10"/>
    <p:sldId id="372" r:id="rId11"/>
  </p:sldIdLst>
  <p:sldSz cx="9144000" cy="6858000" type="screen4x3"/>
  <p:notesSz cx="6811963" cy="9942513"/>
  <p:custDataLst>
    <p:tags r:id="rId14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7432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32004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36576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 Rui Gena HSLU SA" initials="drg" lastIdx="20" clrIdx="0">
    <p:extLst>
      <p:ext uri="{19B8F6BF-5375-455C-9EA6-DF929625EA0E}">
        <p15:presenceInfo xmlns:p15="http://schemas.microsoft.com/office/powerpoint/2012/main" userId="Da Rui Gena HSLU SA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C80"/>
    <a:srgbClr val="FFD9DA"/>
    <a:srgbClr val="FFE8D1"/>
    <a:srgbClr val="FFFFCC"/>
    <a:srgbClr val="FFD961"/>
    <a:srgbClr val="00CC66"/>
    <a:srgbClr val="00FF99"/>
    <a:srgbClr val="99FFCC"/>
    <a:srgbClr val="99FF99"/>
    <a:srgbClr val="FF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1455" autoAdjust="0"/>
    <p:restoredTop sz="37452" autoAdjust="0"/>
  </p:normalViewPr>
  <p:slideViewPr>
    <p:cSldViewPr showGuides="1">
      <p:cViewPr varScale="1">
        <p:scale>
          <a:sx n="67" d="100"/>
          <a:sy n="67" d="100"/>
        </p:scale>
        <p:origin x="1212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gs" Target="tags/tag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63D0BBF-568C-44EB-B3A6-BBAB90E25341}" type="doc">
      <dgm:prSet loTypeId="urn:microsoft.com/office/officeart/2005/8/layout/matrix1" loCatId="matrix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A011DF37-9209-4779-BCD1-B43C9F0BF8C5}">
      <dgm:prSet phldrT="[Text]" custT="1"/>
      <dgm:spPr/>
      <dgm:t>
        <a:bodyPr/>
        <a:lstStyle/>
        <a:p>
          <a:r>
            <a:rPr lang="de-DE" sz="2100" dirty="0">
              <a:solidFill>
                <a:schemeClr val="tx1"/>
              </a:solidFill>
            </a:rPr>
            <a:t>Herausforderungen und Ansprüche in der Gestaltung des öffentlichen Raums</a:t>
          </a:r>
        </a:p>
      </dgm:t>
    </dgm:pt>
    <dgm:pt modelId="{9EDA886A-1669-4C79-9CAA-C4FB08442023}" type="parTrans" cxnId="{9C5849A9-7268-457D-8213-8816CB2C8F1A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7B63B7D9-C688-49F5-BDB6-1AECED5DACBE}" type="sibTrans" cxnId="{9C5849A9-7268-457D-8213-8816CB2C8F1A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8A2A1028-84C3-4C9D-9F2F-BBC9E6FD506F}">
      <dgm:prSet phldrT="[Text]" custT="1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Alterspolitik</a:t>
          </a:r>
        </a:p>
      </dgm:t>
    </dgm:pt>
    <dgm:pt modelId="{B0991CF5-5D5F-4FDA-93B1-534771A4E610}" type="parTrans" cxnId="{BEB0FB9B-57A3-4391-ACAE-8BE159778C36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13E68367-8A67-4569-837D-89052DDE83AE}" type="sibTrans" cxnId="{BEB0FB9B-57A3-4391-ACAE-8BE159778C36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9CBD009E-11C7-4B32-B664-576A93409076}">
      <dgm:prSet phldrT="[Text]" custT="1"/>
      <dgm:spPr>
        <a:solidFill>
          <a:srgbClr val="FF7C8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Raumverständnis</a:t>
          </a:r>
        </a:p>
      </dgm:t>
    </dgm:pt>
    <dgm:pt modelId="{0E30EAE1-002A-4EBA-9D76-AF605CF364BE}" type="parTrans" cxnId="{956A64BD-78C3-44BE-BEAD-BF431AC99091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6BB2A8C5-599D-4C58-B379-E2D4D845AECE}" type="sibTrans" cxnId="{956A64BD-78C3-44BE-BEAD-BF431AC99091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561BF6F9-7554-4FA7-8FD7-5E544934184A}">
      <dgm:prSet phldrT="[Text]" custT="1"/>
      <dgm:spPr>
        <a:solidFill>
          <a:srgbClr val="FFFF0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Lebenswelt der Zielgruppen</a:t>
          </a:r>
        </a:p>
      </dgm:t>
    </dgm:pt>
    <dgm:pt modelId="{64E1B6B1-6CBB-40DA-B4DC-0E04DF283D25}" type="parTrans" cxnId="{21333DB1-7FD8-4BCD-92B0-562BF4846477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C834C27D-D42F-425D-961E-EB69BD37FCB7}" type="sibTrans" cxnId="{21333DB1-7FD8-4BCD-92B0-562BF4846477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DBA44247-6B41-47E2-B6FC-0643DAE3DA2A}">
      <dgm:prSet phldrT="[Text]" custT="1"/>
      <dgm:spPr>
        <a:solidFill>
          <a:srgbClr val="FFC00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Dienstleistungen         und Angebote</a:t>
          </a:r>
        </a:p>
      </dgm:t>
    </dgm:pt>
    <dgm:pt modelId="{E206473D-F7E6-4935-9DFD-B5E7CAEB3286}" type="parTrans" cxnId="{2ABC6C18-003D-4641-B6E4-AE8249E5020B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462E0DD3-28AA-4E6E-A7F0-A878890E92E3}" type="sibTrans" cxnId="{2ABC6C18-003D-4641-B6E4-AE8249E5020B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94F0711D-5B9D-4F4F-AE66-8892BCACC10B}" type="pres">
      <dgm:prSet presAssocID="{963D0BBF-568C-44EB-B3A6-BBAB90E25341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C926376C-5DD9-4875-A105-3F1256779A7D}" type="pres">
      <dgm:prSet presAssocID="{963D0BBF-568C-44EB-B3A6-BBAB90E25341}" presName="matrix" presStyleCnt="0"/>
      <dgm:spPr/>
    </dgm:pt>
    <dgm:pt modelId="{952BF56B-3B61-4ABF-B7B2-04D4C07ADB6F}" type="pres">
      <dgm:prSet presAssocID="{963D0BBF-568C-44EB-B3A6-BBAB90E25341}" presName="tile1" presStyleLbl="node1" presStyleIdx="0" presStyleCnt="4" custLinFactNeighborX="-1905"/>
      <dgm:spPr/>
    </dgm:pt>
    <dgm:pt modelId="{221CB35B-D773-4E7D-B612-886656850722}" type="pres">
      <dgm:prSet presAssocID="{963D0BBF-568C-44EB-B3A6-BBAB90E25341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CFD155D8-C6D0-43C9-9943-19FCED5BA238}" type="pres">
      <dgm:prSet presAssocID="{963D0BBF-568C-44EB-B3A6-BBAB90E25341}" presName="tile2" presStyleLbl="node1" presStyleIdx="1" presStyleCnt="4"/>
      <dgm:spPr/>
    </dgm:pt>
    <dgm:pt modelId="{1E1667D3-128C-41EB-A882-08ED2B82DE73}" type="pres">
      <dgm:prSet presAssocID="{963D0BBF-568C-44EB-B3A6-BBAB90E25341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27FD595E-6DBD-49C9-B66F-9449A41E8936}" type="pres">
      <dgm:prSet presAssocID="{963D0BBF-568C-44EB-B3A6-BBAB90E25341}" presName="tile3" presStyleLbl="node1" presStyleIdx="2" presStyleCnt="4"/>
      <dgm:spPr/>
    </dgm:pt>
    <dgm:pt modelId="{E403B1A8-8A34-4004-BB6F-9D74B8A94DEE}" type="pres">
      <dgm:prSet presAssocID="{963D0BBF-568C-44EB-B3A6-BBAB90E25341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EDE30C0C-DC41-4082-B031-790957846897}" type="pres">
      <dgm:prSet presAssocID="{963D0BBF-568C-44EB-B3A6-BBAB90E25341}" presName="tile4" presStyleLbl="node1" presStyleIdx="3" presStyleCnt="4"/>
      <dgm:spPr/>
    </dgm:pt>
    <dgm:pt modelId="{5BEA669E-1F12-4DF5-828C-4BD89B53BF33}" type="pres">
      <dgm:prSet presAssocID="{963D0BBF-568C-44EB-B3A6-BBAB90E25341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</dgm:pt>
    <dgm:pt modelId="{EDA42C0E-EEDA-4DBC-BEBF-361CB3C8D3CA}" type="pres">
      <dgm:prSet presAssocID="{963D0BBF-568C-44EB-B3A6-BBAB90E25341}" presName="centerTile" presStyleLbl="fgShp" presStyleIdx="0" presStyleCnt="1" custScaleX="140306" custScaleY="156341">
        <dgm:presLayoutVars>
          <dgm:chMax val="0"/>
          <dgm:chPref val="0"/>
        </dgm:presLayoutVars>
      </dgm:prSet>
      <dgm:spPr/>
    </dgm:pt>
  </dgm:ptLst>
  <dgm:cxnLst>
    <dgm:cxn modelId="{75536705-D413-4D3D-BA9F-ED94B036744B}" type="presOf" srcId="{561BF6F9-7554-4FA7-8FD7-5E544934184A}" destId="{E403B1A8-8A34-4004-BB6F-9D74B8A94DEE}" srcOrd="1" destOrd="0" presId="urn:microsoft.com/office/officeart/2005/8/layout/matrix1"/>
    <dgm:cxn modelId="{2ABC6C18-003D-4641-B6E4-AE8249E5020B}" srcId="{A011DF37-9209-4779-BCD1-B43C9F0BF8C5}" destId="{DBA44247-6B41-47E2-B6FC-0643DAE3DA2A}" srcOrd="3" destOrd="0" parTransId="{E206473D-F7E6-4935-9DFD-B5E7CAEB3286}" sibTransId="{462E0DD3-28AA-4E6E-A7F0-A878890E92E3}"/>
    <dgm:cxn modelId="{2FD61719-76FA-4C97-A18F-76A673CFD3A0}" type="presOf" srcId="{8A2A1028-84C3-4C9D-9F2F-BBC9E6FD506F}" destId="{952BF56B-3B61-4ABF-B7B2-04D4C07ADB6F}" srcOrd="0" destOrd="0" presId="urn:microsoft.com/office/officeart/2005/8/layout/matrix1"/>
    <dgm:cxn modelId="{0749D95B-C6DF-4329-89D9-771E9D65592B}" type="presOf" srcId="{DBA44247-6B41-47E2-B6FC-0643DAE3DA2A}" destId="{EDE30C0C-DC41-4082-B031-790957846897}" srcOrd="0" destOrd="0" presId="urn:microsoft.com/office/officeart/2005/8/layout/matrix1"/>
    <dgm:cxn modelId="{D234E35E-CD43-4DE5-BAAE-109F051C1D06}" type="presOf" srcId="{561BF6F9-7554-4FA7-8FD7-5E544934184A}" destId="{27FD595E-6DBD-49C9-B66F-9449A41E8936}" srcOrd="0" destOrd="0" presId="urn:microsoft.com/office/officeart/2005/8/layout/matrix1"/>
    <dgm:cxn modelId="{B2AF306B-1F74-4CB2-A082-CA04E86CFE5B}" type="presOf" srcId="{A011DF37-9209-4779-BCD1-B43C9F0BF8C5}" destId="{EDA42C0E-EEDA-4DBC-BEBF-361CB3C8D3CA}" srcOrd="0" destOrd="0" presId="urn:microsoft.com/office/officeart/2005/8/layout/matrix1"/>
    <dgm:cxn modelId="{E6CF0C6C-74D7-4661-83BD-80502C95C027}" type="presOf" srcId="{9CBD009E-11C7-4B32-B664-576A93409076}" destId="{CFD155D8-C6D0-43C9-9943-19FCED5BA238}" srcOrd="0" destOrd="0" presId="urn:microsoft.com/office/officeart/2005/8/layout/matrix1"/>
    <dgm:cxn modelId="{130F358C-0B99-4EB9-A3AB-AE284B8D1469}" type="presOf" srcId="{DBA44247-6B41-47E2-B6FC-0643DAE3DA2A}" destId="{5BEA669E-1F12-4DF5-828C-4BD89B53BF33}" srcOrd="1" destOrd="0" presId="urn:microsoft.com/office/officeart/2005/8/layout/matrix1"/>
    <dgm:cxn modelId="{516A2291-4207-43A6-B61B-189E59918570}" type="presOf" srcId="{8A2A1028-84C3-4C9D-9F2F-BBC9E6FD506F}" destId="{221CB35B-D773-4E7D-B612-886656850722}" srcOrd="1" destOrd="0" presId="urn:microsoft.com/office/officeart/2005/8/layout/matrix1"/>
    <dgm:cxn modelId="{A00AAC91-2505-41F3-A946-8A3ED0520A32}" type="presOf" srcId="{9CBD009E-11C7-4B32-B664-576A93409076}" destId="{1E1667D3-128C-41EB-A882-08ED2B82DE73}" srcOrd="1" destOrd="0" presId="urn:microsoft.com/office/officeart/2005/8/layout/matrix1"/>
    <dgm:cxn modelId="{EB1D7D95-CB5D-41D8-9BA9-98E57E40490C}" type="presOf" srcId="{963D0BBF-568C-44EB-B3A6-BBAB90E25341}" destId="{94F0711D-5B9D-4F4F-AE66-8892BCACC10B}" srcOrd="0" destOrd="0" presId="urn:microsoft.com/office/officeart/2005/8/layout/matrix1"/>
    <dgm:cxn modelId="{BEB0FB9B-57A3-4391-ACAE-8BE159778C36}" srcId="{A011DF37-9209-4779-BCD1-B43C9F0BF8C5}" destId="{8A2A1028-84C3-4C9D-9F2F-BBC9E6FD506F}" srcOrd="0" destOrd="0" parTransId="{B0991CF5-5D5F-4FDA-93B1-534771A4E610}" sibTransId="{13E68367-8A67-4569-837D-89052DDE83AE}"/>
    <dgm:cxn modelId="{9C5849A9-7268-457D-8213-8816CB2C8F1A}" srcId="{963D0BBF-568C-44EB-B3A6-BBAB90E25341}" destId="{A011DF37-9209-4779-BCD1-B43C9F0BF8C5}" srcOrd="0" destOrd="0" parTransId="{9EDA886A-1669-4C79-9CAA-C4FB08442023}" sibTransId="{7B63B7D9-C688-49F5-BDB6-1AECED5DACBE}"/>
    <dgm:cxn modelId="{21333DB1-7FD8-4BCD-92B0-562BF4846477}" srcId="{A011DF37-9209-4779-BCD1-B43C9F0BF8C5}" destId="{561BF6F9-7554-4FA7-8FD7-5E544934184A}" srcOrd="2" destOrd="0" parTransId="{64E1B6B1-6CBB-40DA-B4DC-0E04DF283D25}" sibTransId="{C834C27D-D42F-425D-961E-EB69BD37FCB7}"/>
    <dgm:cxn modelId="{956A64BD-78C3-44BE-BEAD-BF431AC99091}" srcId="{A011DF37-9209-4779-BCD1-B43C9F0BF8C5}" destId="{9CBD009E-11C7-4B32-B664-576A93409076}" srcOrd="1" destOrd="0" parTransId="{0E30EAE1-002A-4EBA-9D76-AF605CF364BE}" sibTransId="{6BB2A8C5-599D-4C58-B379-E2D4D845AECE}"/>
    <dgm:cxn modelId="{06CD7E83-BFC8-484B-9FCB-2DD9F33FE335}" type="presParOf" srcId="{94F0711D-5B9D-4F4F-AE66-8892BCACC10B}" destId="{C926376C-5DD9-4875-A105-3F1256779A7D}" srcOrd="0" destOrd="0" presId="urn:microsoft.com/office/officeart/2005/8/layout/matrix1"/>
    <dgm:cxn modelId="{47C3B04F-B6EB-4833-8FAE-C62335D6B9BE}" type="presParOf" srcId="{C926376C-5DD9-4875-A105-3F1256779A7D}" destId="{952BF56B-3B61-4ABF-B7B2-04D4C07ADB6F}" srcOrd="0" destOrd="0" presId="urn:microsoft.com/office/officeart/2005/8/layout/matrix1"/>
    <dgm:cxn modelId="{EBEAD74B-24EC-45B1-8026-4F358EB2B480}" type="presParOf" srcId="{C926376C-5DD9-4875-A105-3F1256779A7D}" destId="{221CB35B-D773-4E7D-B612-886656850722}" srcOrd="1" destOrd="0" presId="urn:microsoft.com/office/officeart/2005/8/layout/matrix1"/>
    <dgm:cxn modelId="{2407F0C3-CEE1-482B-B395-0904CBE6D8FD}" type="presParOf" srcId="{C926376C-5DD9-4875-A105-3F1256779A7D}" destId="{CFD155D8-C6D0-43C9-9943-19FCED5BA238}" srcOrd="2" destOrd="0" presId="urn:microsoft.com/office/officeart/2005/8/layout/matrix1"/>
    <dgm:cxn modelId="{3E7F9FBF-F10E-4ABE-B736-19E90963ABD9}" type="presParOf" srcId="{C926376C-5DD9-4875-A105-3F1256779A7D}" destId="{1E1667D3-128C-41EB-A882-08ED2B82DE73}" srcOrd="3" destOrd="0" presId="urn:microsoft.com/office/officeart/2005/8/layout/matrix1"/>
    <dgm:cxn modelId="{833F1683-890E-4764-9DEE-A2C4C8BFE9F3}" type="presParOf" srcId="{C926376C-5DD9-4875-A105-3F1256779A7D}" destId="{27FD595E-6DBD-49C9-B66F-9449A41E8936}" srcOrd="4" destOrd="0" presId="urn:microsoft.com/office/officeart/2005/8/layout/matrix1"/>
    <dgm:cxn modelId="{95051727-1CC7-4A7A-BFD9-ECD78F5AA308}" type="presParOf" srcId="{C926376C-5DD9-4875-A105-3F1256779A7D}" destId="{E403B1A8-8A34-4004-BB6F-9D74B8A94DEE}" srcOrd="5" destOrd="0" presId="urn:microsoft.com/office/officeart/2005/8/layout/matrix1"/>
    <dgm:cxn modelId="{E86DDB77-328C-45B8-AB72-B20267CB8243}" type="presParOf" srcId="{C926376C-5DD9-4875-A105-3F1256779A7D}" destId="{EDE30C0C-DC41-4082-B031-790957846897}" srcOrd="6" destOrd="0" presId="urn:microsoft.com/office/officeart/2005/8/layout/matrix1"/>
    <dgm:cxn modelId="{F68A416B-4EC9-49E5-BEF7-40B943E59C87}" type="presParOf" srcId="{C926376C-5DD9-4875-A105-3F1256779A7D}" destId="{5BEA669E-1F12-4DF5-828C-4BD89B53BF33}" srcOrd="7" destOrd="0" presId="urn:microsoft.com/office/officeart/2005/8/layout/matrix1"/>
    <dgm:cxn modelId="{6D15234E-66A3-4406-8E57-29832AEF8897}" type="presParOf" srcId="{94F0711D-5B9D-4F4F-AE66-8892BCACC10B}" destId="{EDA42C0E-EEDA-4DBC-BEBF-361CB3C8D3CA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52BF56B-3B61-4ABF-B7B2-04D4C07ADB6F}">
      <dsp:nvSpPr>
        <dsp:cNvPr id="0" name=""/>
        <dsp:cNvSpPr/>
      </dsp:nvSpPr>
      <dsp:spPr>
        <a:xfrm rot="16200000">
          <a:off x="738082" y="-738082"/>
          <a:ext cx="2448272" cy="3924436"/>
        </a:xfrm>
        <a:prstGeom prst="round1Rect">
          <a:avLst/>
        </a:prstGeom>
        <a:solidFill>
          <a:schemeClr val="accent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Alterspolitik</a:t>
          </a:r>
        </a:p>
      </dsp:txBody>
      <dsp:txXfrm rot="5400000">
        <a:off x="-1" y="1"/>
        <a:ext cx="3924436" cy="1836204"/>
      </dsp:txXfrm>
    </dsp:sp>
    <dsp:sp modelId="{CFD155D8-C6D0-43C9-9943-19FCED5BA238}">
      <dsp:nvSpPr>
        <dsp:cNvPr id="0" name=""/>
        <dsp:cNvSpPr/>
      </dsp:nvSpPr>
      <dsp:spPr>
        <a:xfrm>
          <a:off x="3924436" y="0"/>
          <a:ext cx="3924436" cy="2448272"/>
        </a:xfrm>
        <a:prstGeom prst="round1Rect">
          <a:avLst/>
        </a:prstGeom>
        <a:solidFill>
          <a:srgbClr val="FF7C8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Raumverständnis</a:t>
          </a:r>
        </a:p>
      </dsp:txBody>
      <dsp:txXfrm>
        <a:off x="3924436" y="0"/>
        <a:ext cx="3924436" cy="1836204"/>
      </dsp:txXfrm>
    </dsp:sp>
    <dsp:sp modelId="{27FD595E-6DBD-49C9-B66F-9449A41E8936}">
      <dsp:nvSpPr>
        <dsp:cNvPr id="0" name=""/>
        <dsp:cNvSpPr/>
      </dsp:nvSpPr>
      <dsp:spPr>
        <a:xfrm rot="10800000">
          <a:off x="0" y="2448272"/>
          <a:ext cx="3924436" cy="2448272"/>
        </a:xfrm>
        <a:prstGeom prst="round1Rect">
          <a:avLst/>
        </a:prstGeom>
        <a:solidFill>
          <a:srgbClr val="FFFF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Lebenswelt der Zielgruppen</a:t>
          </a:r>
        </a:p>
      </dsp:txBody>
      <dsp:txXfrm rot="10800000">
        <a:off x="0" y="3060339"/>
        <a:ext cx="3924436" cy="1836204"/>
      </dsp:txXfrm>
    </dsp:sp>
    <dsp:sp modelId="{EDE30C0C-DC41-4082-B031-790957846897}">
      <dsp:nvSpPr>
        <dsp:cNvPr id="0" name=""/>
        <dsp:cNvSpPr/>
      </dsp:nvSpPr>
      <dsp:spPr>
        <a:xfrm rot="5400000">
          <a:off x="4662518" y="1710190"/>
          <a:ext cx="2448272" cy="3924436"/>
        </a:xfrm>
        <a:prstGeom prst="round1Rect">
          <a:avLst/>
        </a:prstGeom>
        <a:solidFill>
          <a:srgbClr val="FFC0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Dienstleistungen         und Angebote</a:t>
          </a:r>
        </a:p>
      </dsp:txBody>
      <dsp:txXfrm rot="-5400000">
        <a:off x="3924436" y="3060339"/>
        <a:ext cx="3924436" cy="1836204"/>
      </dsp:txXfrm>
    </dsp:sp>
    <dsp:sp modelId="{EDA42C0E-EEDA-4DBC-BEBF-361CB3C8D3CA}">
      <dsp:nvSpPr>
        <dsp:cNvPr id="0" name=""/>
        <dsp:cNvSpPr/>
      </dsp:nvSpPr>
      <dsp:spPr>
        <a:xfrm>
          <a:off x="2272570" y="1491358"/>
          <a:ext cx="3303731" cy="1913826"/>
        </a:xfrm>
        <a:prstGeom prst="roundRect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100" kern="1200" dirty="0">
              <a:solidFill>
                <a:schemeClr val="tx1"/>
              </a:solidFill>
            </a:rPr>
            <a:t>Herausforderungen und Ansprüche in der Gestaltung des öffentlichen Raums</a:t>
          </a:r>
        </a:p>
      </dsp:txBody>
      <dsp:txXfrm>
        <a:off x="2365995" y="1584783"/>
        <a:ext cx="3116881" cy="172697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8536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8536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8536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2338" y="746125"/>
            <a:ext cx="4967287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1197" y="4722694"/>
            <a:ext cx="5449570" cy="44741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8536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925623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790784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109851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200" b="0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497694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4887927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DE" dirty="0"/>
          </a:p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787880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780069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1211582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299394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3.bin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27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tags" Target="../tags/tag29.xml"/><Relationship Id="rId1" Type="http://schemas.openxmlformats.org/officeDocument/2006/relationships/tags" Target="../tags/tag2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N:Hierarchy|ID:22|Hierarchy:1" title="PPT Titelfolie efqm 16:9"/>
          <p:cNvPicPr>
            <a:picLocks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000" y="6228000"/>
            <a:ext cx="2502000" cy="331200"/>
          </a:xfrm>
          <a:prstGeom prst="rect">
            <a:avLst/>
          </a:prstGeom>
        </p:spPr>
      </p:pic>
      <p:pic>
        <p:nvPicPr>
          <p:cNvPr id="6" name="DN:Hierarchy|ID:23|Hierarchy:1" title="PPT Titelfolie 16:9.DE"/>
          <p:cNvPicPr preferRelativeResize="0">
            <a:picLocks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6400" cy="975600"/>
          </a:xfrm>
          <a:prstGeom prst="rect">
            <a:avLst/>
          </a:prstGeom>
        </p:spPr>
      </p:pic>
      <p:sp>
        <p:nvSpPr>
          <p:cNvPr id="9" name="Text Box 17"/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626799" y="5209455"/>
            <a:ext cx="880369" cy="3077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de-CH" sz="1400" dirty="0"/>
              <a:t>T direkt</a:t>
            </a:r>
          </a:p>
        </p:txBody>
      </p:sp>
      <p:sp>
        <p:nvSpPr>
          <p:cNvPr id="3074" name="Rectangle 2"/>
          <p:cNvSpPr>
            <a:spLocks noGrp="1" noChangeArrowheads="1"/>
          </p:cNvSpPr>
          <p:nvPr>
            <p:ph type="ctrTitle"/>
            <p:custDataLst>
              <p:tags r:id="rId2"/>
            </p:custDataLst>
          </p:nvPr>
        </p:nvSpPr>
        <p:spPr>
          <a:xfrm>
            <a:off x="626799" y="2060575"/>
            <a:ext cx="5541963" cy="1296988"/>
          </a:xfrm>
        </p:spPr>
        <p:txBody>
          <a:bodyPr anchor="t"/>
          <a:lstStyle>
            <a:lvl1pPr>
              <a:lnSpc>
                <a:spcPts val="2800"/>
              </a:lnSpc>
              <a:defRPr sz="1900"/>
            </a:lvl1pPr>
          </a:lstStyle>
          <a:p>
            <a:pPr lvl="0"/>
            <a:r>
              <a:rPr lang="de-DE" noProof="0"/>
              <a:t>Titelmasterformat durch Klicken bearbeiten</a:t>
            </a:r>
            <a:endParaRPr lang="de-CH" noProof="0" dirty="0"/>
          </a:p>
        </p:txBody>
      </p:sp>
      <p:sp>
        <p:nvSpPr>
          <p:cNvPr id="3084" name="Rectangle 12"/>
          <p:cNvSpPr>
            <a:spLocks noGrp="1" noChangeArrowheads="1"/>
          </p:cNvSpPr>
          <p:nvPr>
            <p:ph type="subTitle" sz="quarter" idx="1"/>
            <p:custDataLst>
              <p:tags r:id="rId3"/>
            </p:custDataLst>
          </p:nvPr>
        </p:nvSpPr>
        <p:spPr>
          <a:xfrm>
            <a:off x="626799" y="5383213"/>
            <a:ext cx="6300788" cy="1020762"/>
          </a:xfrm>
        </p:spPr>
        <p:txBody>
          <a:bodyPr/>
          <a:lstStyle>
            <a:lvl1pPr marL="0" indent="0">
              <a:lnSpc>
                <a:spcPts val="1800"/>
              </a:lnSpc>
              <a:buFontTx/>
              <a:buNone/>
              <a:defRPr sz="1400"/>
            </a:lvl1pPr>
          </a:lstStyle>
          <a:p>
            <a:pPr lvl="0"/>
            <a:r>
              <a:rPr lang="de-DE" noProof="0" dirty="0"/>
              <a:t>Formatvorlage des Untertitelmasters durch Klicken bearbeiten</a:t>
            </a:r>
            <a:endParaRPr lang="de-CH" noProof="0" dirty="0"/>
          </a:p>
        </p:txBody>
      </p:sp>
      <p:sp>
        <p:nvSpPr>
          <p:cNvPr id="2" name="DN:Profile|ID:2" title="Section.DE"/>
          <p:cNvSpPr txBox="1"/>
          <p:nvPr userDrawn="1"/>
        </p:nvSpPr>
        <p:spPr>
          <a:xfrm>
            <a:off x="626799" y="4806931"/>
            <a:ext cx="6914149" cy="307777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400" dirty="0"/>
              <a:t>Leiter Institut Sozialmanagement, Sozialpolitik und Prävention </a:t>
            </a:r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799" y="4561383"/>
            <a:ext cx="5538887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b="1" dirty="0"/>
              <a:t>Prof.</a:t>
            </a:r>
            <a:r>
              <a:rPr lang="de-CH" sz="1400" b="1" baseline="0" dirty="0"/>
              <a:t> Dr. Jürgen Stremlow</a:t>
            </a:r>
            <a:r>
              <a:rPr lang="de-CH" sz="1400" b="1" dirty="0"/>
              <a:t> </a:t>
            </a:r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4" y="5209455"/>
            <a:ext cx="2832993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+41 41 367 48 41 </a:t>
            </a:r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5425479"/>
            <a:ext cx="4797922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juergen.stremlow@hslu.ch </a:t>
            </a:r>
          </a:p>
        </p:txBody>
      </p:sp>
      <p:sp>
        <p:nvSpPr>
          <p:cNvPr id="16" name="DN:Hierarchy|ID:1|Hierarchy:1" title="Ort.DE"/>
          <p:cNvSpPr txBox="1"/>
          <p:nvPr userDrawn="1"/>
        </p:nvSpPr>
        <p:spPr>
          <a:xfrm>
            <a:off x="626799" y="5877272"/>
            <a:ext cx="4737364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Bern, 16.11.2021 </a:t>
            </a:r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22" userDrawn="1">
          <p15:clr>
            <a:srgbClr val="FBAE40"/>
          </p15:clr>
        </p15:guide>
        <p15:guide id="2" pos="3379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C6AE024-0B3B-4B5D-86B2-AF0035EF8454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048600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775450" y="692150"/>
            <a:ext cx="2041525" cy="5191125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647700" y="692150"/>
            <a:ext cx="5975350" cy="5191125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8DB3886-A746-4104-8354-2585253152BA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014502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E050A2D-FAF3-45CF-B73E-B3475EDB0F60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2C8E527-C309-43D0-961D-546528094020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642637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647700" y="1798638"/>
            <a:ext cx="4008438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808538" y="1798638"/>
            <a:ext cx="4008437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D20CFDD-FA44-4CD0-A2D9-AFED68F6508D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131717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FFD6A8F-5371-4FBB-812D-D2709F86D50B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518850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2E8986-3AF4-4D82-BB44-546744DCD113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949309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B8987B-8410-4279-AD6D-3D0EDCBBD722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B978365-61C3-48AB-83BF-EFB6B46E5C8C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042323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/>
              <a:t>Bild durch Klicken auf Symbol hinzufügen</a:t>
            </a:r>
            <a:endParaRPr lang="fr-CH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1C02764-84C7-422C-B653-A02BAA3B8A23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510195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4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647700" y="692150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Titelmasterformat durch Klicken bearbeiten</a:t>
            </a:r>
            <a:endParaRPr lang="de-CH" altLang="de-DE" dirty="0"/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647700" y="1798638"/>
            <a:ext cx="8169275" cy="408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Formatvorlagen des Textmasters bearbeiten</a:t>
            </a:r>
          </a:p>
          <a:p>
            <a:pPr lvl="1"/>
            <a:r>
              <a:rPr lang="de-DE" altLang="de-DE"/>
              <a:t>Zweite Ebene</a:t>
            </a:r>
          </a:p>
          <a:p>
            <a:pPr lvl="2"/>
            <a:r>
              <a:rPr lang="de-DE" altLang="de-DE"/>
              <a:t>Dritte Ebene</a:t>
            </a:r>
          </a:p>
          <a:p>
            <a:pPr lvl="3"/>
            <a:r>
              <a:rPr lang="de-DE" altLang="de-DE"/>
              <a:t>Vierte Ebene</a:t>
            </a:r>
          </a:p>
          <a:p>
            <a:pPr lvl="4"/>
            <a:r>
              <a:rPr lang="de-DE" altLang="de-DE"/>
              <a:t>Fünfte Ebene</a:t>
            </a:r>
            <a:endParaRPr lang="de-CH" altLang="de-DE" dirty="0"/>
          </a:p>
        </p:txBody>
      </p:sp>
      <p:sp>
        <p:nvSpPr>
          <p:cNvPr id="1029" name="Text Box 9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642938" y="6454775"/>
            <a:ext cx="27051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72000" tIns="72000" rIns="72000" bIns="72000"/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de-CH" sz="700" dirty="0"/>
              <a:t>Folie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16"/>
            </p:custDataLst>
          </p:nvPr>
        </p:nvSpPr>
        <p:spPr bwMode="auto">
          <a:xfrm>
            <a:off x="899592" y="6453188"/>
            <a:ext cx="8107883" cy="4048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>
            <a:lvl1pPr>
              <a:defRPr sz="700"/>
            </a:lvl1pPr>
          </a:lstStyle>
          <a:p>
            <a:pPr>
              <a:defRPr/>
            </a:pPr>
            <a:fld id="{25EE6612-218D-42A8-9A86-0933C19657E4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3EC17CAA-0DF3-4DC9-9336-214A8E71B29B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pic>
        <p:nvPicPr>
          <p:cNvPr id="3" name="DN:Hierarchy|ID:24|Hierarchy:1" title="PPT Folie 16:9.DE"/>
          <p:cNvPicPr preferRelativeResize="0">
            <a:picLocks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0000" y="324000"/>
            <a:ext cx="824400" cy="1908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2" r:id="rId3"/>
    <p:sldLayoutId id="2147483723" r:id="rId4"/>
    <p:sldLayoutId id="2147483724" r:id="rId5"/>
    <p:sldLayoutId id="2147483725" r:id="rId6"/>
    <p:sldLayoutId id="2147483726" r:id="rId7"/>
    <p:sldLayoutId id="2147483727" r:id="rId8"/>
    <p:sldLayoutId id="2147483728" r:id="rId9"/>
    <p:sldLayoutId id="2147483729" r:id="rId10"/>
    <p:sldLayoutId id="2147483730" r:id="rId11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39750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2pPr>
      <a:lvl3pPr marL="906463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3pPr>
      <a:lvl4pPr marL="12620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4pPr>
      <a:lvl5pPr marL="16192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5pPr>
      <a:lvl6pPr marL="20764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iebter-altenbericht.de/der-siebte-altenbericht/" TargetMode="Externa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2.xml"/><Relationship Id="rId6" Type="http://schemas.openxmlformats.org/officeDocument/2006/relationships/hyperlink" Target="file:///C:\Users\HP\Downloads\PDF%20Publikation%20IHAlterspolitik300818Leseprobe%20(1).pdf)" TargetMode="External"/><Relationship Id="rId5" Type="http://schemas.openxmlformats.org/officeDocument/2006/relationships/hyperlink" Target="https://www.vicino-luzern.ch/wp-content/uploads/2018/11/Wohnen_zu_Hause_auch_im_Alter_Tamara_Renner_Masterarbeit2015.pdf" TargetMode="External"/><Relationship Id="rId4" Type="http://schemas.openxmlformats.org/officeDocument/2006/relationships/hyperlink" Target="https://www.age-stiftung.ch/fileadmin/user_upload/Projekte/2018/009/2020_Age_I_2018_009.pdf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notesSlide" Target="../notesSlides/notesSlide2.xml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1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ge-stiftung.ch/foerderprojekt/altersgerechtes-wettstein-basel-offene-altersarbeit-im-quartier/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6799" y="1700808"/>
            <a:ext cx="6969537" cy="2160240"/>
          </a:xfrm>
        </p:spPr>
        <p:txBody>
          <a:bodyPr/>
          <a:lstStyle/>
          <a:p>
            <a:pPr>
              <a:lnSpc>
                <a:spcPct val="120000"/>
              </a:lnSpc>
            </a:pPr>
            <a:r>
              <a:rPr lang="de-CH" altLang="de-DE" sz="2000" dirty="0"/>
              <a:t>Inklusive und partizipative Gestaltung des öffentlichen Raums</a:t>
            </a:r>
            <a:br>
              <a:rPr lang="de-CH" altLang="de-DE" dirty="0"/>
            </a:br>
            <a:br>
              <a:rPr lang="de-CH" altLang="de-DE" dirty="0"/>
            </a:br>
            <a:r>
              <a:rPr lang="de-CH" altLang="de-DE" sz="1600" dirty="0"/>
              <a:t>Herausforderungen und Gestaltungsansprüche</a:t>
            </a:r>
            <a:br>
              <a:rPr lang="de-CH" altLang="de-DE" sz="1600" b="0" dirty="0"/>
            </a:br>
            <a:br>
              <a:rPr lang="de-CH" altLang="de-DE" sz="1600" b="0" dirty="0"/>
            </a:br>
            <a:r>
              <a:rPr lang="de-CH" altLang="de-DE" sz="1400" dirty="0"/>
              <a:t>Tagung «Altersfreundliche Umgebungen: integrierte Wohn- und Sozialräume als Chance für alle!»</a:t>
            </a:r>
            <a:br>
              <a:rPr lang="de-CH" altLang="de-DE" sz="1800" b="0" dirty="0"/>
            </a:br>
            <a:br>
              <a:rPr lang="de-CH" altLang="de-DE" sz="1800" b="0" dirty="0"/>
            </a:br>
            <a:br>
              <a:rPr lang="de-CH" altLang="de-DE" sz="1800" b="0" dirty="0"/>
            </a:br>
            <a:endParaRPr lang="de-CH" altLang="de-DE" sz="1800" b="0" dirty="0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9" name="Content Placeholder 2"/>
          <p:cNvSpPr>
            <a:spLocks noGrp="1"/>
          </p:cNvSpPr>
          <p:nvPr>
            <p:ph idx="1"/>
          </p:nvPr>
        </p:nvSpPr>
        <p:spPr>
          <a:xfrm>
            <a:off x="647700" y="1340768"/>
            <a:ext cx="8169275" cy="4896544"/>
          </a:xfrm>
        </p:spPr>
        <p:txBody>
          <a:bodyPr/>
          <a:lstStyle/>
          <a:p>
            <a:pPr marL="176213" indent="-176213">
              <a:buNone/>
            </a:pPr>
            <a:r>
              <a:rPr lang="de-DE" sz="800" dirty="0"/>
              <a:t>Bundesministerium für Familien, Senioren, Frauen und Jugend (2016). </a:t>
            </a:r>
            <a:r>
              <a:rPr lang="de-CH" sz="800" dirty="0"/>
              <a:t>Siebter Altenbericht zur Lage der älteren Generation in der Bundesrepublik Deutschland. </a:t>
            </a:r>
            <a:r>
              <a:rPr lang="de-DE" sz="800" dirty="0"/>
              <a:t>Sorge und Mitverantwortung in der Kommune – Aufbau und Sicherung zukunftsfähiger Gemeinschaften. Berlin: Deutscher Bundestag. (</a:t>
            </a:r>
            <a:r>
              <a:rPr lang="de-DE" sz="800" u="sng" dirty="0">
                <a:hlinkClick r:id="rId3"/>
              </a:rPr>
              <a:t>https://www.siebter-altenbericht.de/der-siebte-altenbericht/</a:t>
            </a:r>
            <a:r>
              <a:rPr lang="de-DE" sz="800" dirty="0"/>
              <a:t>).</a:t>
            </a:r>
          </a:p>
          <a:p>
            <a:pPr marL="176213" indent="-176213">
              <a:buNone/>
            </a:pPr>
            <a:endParaRPr lang="de-DE" sz="800" dirty="0"/>
          </a:p>
          <a:p>
            <a:pPr marL="176213" indent="-176213">
              <a:buNone/>
            </a:pPr>
            <a:r>
              <a:rPr lang="de-CH" sz="800" dirty="0"/>
              <a:t>Chiapparini, Emanuela; Eicher, Véronique (2019). Der Ansatz User Involvement in der Sozialen Arbeit – Anknüpfungspunkte für Praxis-, Forschungs- und Ausbildungsprojekte in der Schweiz. Schweizerische Zeitschrift für Soziale Arbeit (24.18), S. 117-134. </a:t>
            </a:r>
            <a:r>
              <a:rPr lang="de-CH" sz="800" dirty="0" err="1"/>
              <a:t>Seismo</a:t>
            </a:r>
            <a:r>
              <a:rPr lang="de-CH" sz="800" dirty="0"/>
              <a:t>.</a:t>
            </a:r>
          </a:p>
          <a:p>
            <a:pPr marL="176213" indent="-176213">
              <a:buNone/>
            </a:pPr>
            <a:endParaRPr lang="de-DE" sz="800" dirty="0"/>
          </a:p>
          <a:p>
            <a:pPr marL="176213" indent="-176213">
              <a:buNone/>
            </a:pPr>
            <a:r>
              <a:rPr lang="de-CH" sz="800" dirty="0"/>
              <a:t>Gretler Heusser, Simone; </a:t>
            </a:r>
            <a:r>
              <a:rPr lang="de-CH" sz="800" dirty="0" err="1"/>
              <a:t>Näther</a:t>
            </a:r>
            <a:r>
              <a:rPr lang="de-CH" sz="800" dirty="0"/>
              <a:t>, Caroline &amp; Glatt, Anita (2020). Altersgerechtes Wettstein. Projektbericht Hochschule Luzern – Soziale Arbeit. (</a:t>
            </a:r>
            <a:r>
              <a:rPr lang="de-CH" sz="800" dirty="0">
                <a:hlinkClick r:id="rId4"/>
              </a:rPr>
              <a:t>https://www.age-stiftung.ch/fileadmin/user_upload/Projekte/2018/009/2020_Age_I_2018_009.pdf</a:t>
            </a:r>
            <a:r>
              <a:rPr lang="de-CH" sz="800" dirty="0"/>
              <a:t>).</a:t>
            </a:r>
            <a:endParaRPr lang="de-DE" sz="800" dirty="0"/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Hablützel, Peter (2011). Bürokraten, Manager oder Systemgestalter? Schweizer Verwaltung und Verwaltungsführung im Wandel. In Ladner, Andreas et al. (Hrsg.). Handbuch der öffentlichen Verwaltung in der Schweiz (S. 93-106) Zürich: Verlag NZZ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en-US" sz="800" dirty="0" err="1"/>
              <a:t>Knöpfel</a:t>
            </a:r>
            <a:r>
              <a:rPr lang="en-US" sz="800" dirty="0"/>
              <a:t>, Carlo; </a:t>
            </a:r>
            <a:r>
              <a:rPr lang="en-US" sz="800" dirty="0" err="1"/>
              <a:t>Pardini</a:t>
            </a:r>
            <a:r>
              <a:rPr lang="en-US" sz="800" dirty="0"/>
              <a:t>, Riccardo, </a:t>
            </a:r>
            <a:r>
              <a:rPr lang="en-US" sz="800" dirty="0" err="1"/>
              <a:t>Heinzmann</a:t>
            </a:r>
            <a:r>
              <a:rPr lang="en-US" sz="800" dirty="0"/>
              <a:t>, Claudia (2018). </a:t>
            </a:r>
            <a:r>
              <a:rPr lang="de-CH" sz="800" dirty="0"/>
              <a:t>Gute Betreuung im Alter in der Schweiz. Eine </a:t>
            </a:r>
            <a:r>
              <a:rPr lang="de-CH" sz="800" dirty="0" err="1"/>
              <a:t>Bestandesaufnahme</a:t>
            </a:r>
            <a:r>
              <a:rPr lang="de-CH" sz="800" dirty="0"/>
              <a:t>. Zürich: </a:t>
            </a:r>
            <a:r>
              <a:rPr lang="de-CH" sz="800" dirty="0" err="1"/>
              <a:t>Seismo</a:t>
            </a:r>
            <a:r>
              <a:rPr lang="de-CH" sz="800" dirty="0"/>
              <a:t>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DE" sz="800" dirty="0" err="1"/>
              <a:t>Lüttringhaus</a:t>
            </a:r>
            <a:r>
              <a:rPr lang="de-DE" sz="800" dirty="0"/>
              <a:t>, Maria (2000). Stadtentwicklung und Partizipation. Fallstudien aus Essen </a:t>
            </a:r>
            <a:r>
              <a:rPr lang="de-DE" sz="800" dirty="0" err="1"/>
              <a:t>Katernberg</a:t>
            </a:r>
            <a:r>
              <a:rPr lang="de-DE" sz="800" dirty="0"/>
              <a:t> und der Dresdener </a:t>
            </a:r>
            <a:r>
              <a:rPr lang="de-DE" sz="800" dirty="0" err="1"/>
              <a:t>Äusseren</a:t>
            </a:r>
            <a:r>
              <a:rPr lang="de-DE" sz="800" dirty="0"/>
              <a:t> Neustadt. Beiträge zur Demokratieentwicklung von unten Nr. 17. Bonn: </a:t>
            </a:r>
            <a:r>
              <a:rPr lang="de-CH" sz="800" dirty="0"/>
              <a:t>Stiftung Mitarbeit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Osborne, Stephen P. (Hrsg.) (2010). The </a:t>
            </a:r>
            <a:r>
              <a:rPr lang="de-CH" sz="800" dirty="0" err="1"/>
              <a:t>new</a:t>
            </a:r>
            <a:r>
              <a:rPr lang="de-CH" sz="800" dirty="0"/>
              <a:t> Public Governance? London: Routledge.</a:t>
            </a:r>
          </a:p>
          <a:p>
            <a:pPr marL="176213" indent="-176213">
              <a:buNone/>
            </a:pPr>
            <a:r>
              <a:rPr lang="de-CH" sz="800" dirty="0"/>
              <a:t> </a:t>
            </a:r>
          </a:p>
          <a:p>
            <a:pPr marL="176213" indent="-176213">
              <a:buNone/>
            </a:pPr>
            <a:r>
              <a:rPr lang="de-CH" sz="800" dirty="0"/>
              <a:t>Renner Strauss, Tamara (2015). Wohnen zu Hause – auch im Alter. Eine strategische Handlungsanleitung. Luzern: Masterarbeit im MAS «Alter und Gesellschaft» an der Hochschule Luzern. </a:t>
            </a:r>
            <a:r>
              <a:rPr lang="de-CH" sz="800" dirty="0">
                <a:solidFill>
                  <a:srgbClr val="FF0000"/>
                </a:solidFill>
              </a:rPr>
              <a:t>(</a:t>
            </a:r>
            <a:r>
              <a:rPr lang="de-CH" sz="800" u="sng" dirty="0">
                <a:solidFill>
                  <a:srgbClr val="FF0000"/>
                </a:solidFill>
                <a:hlinkClick r:id="rId5"/>
              </a:rPr>
              <a:t>https://www.vicino-luzern.ch/wp-content/uploads/2018/11/Wohnen_zu_Hause_auch_im_Alter_Tamara_Renner_Masterarbeit2015.pdf</a:t>
            </a:r>
            <a:r>
              <a:rPr lang="de-CH" sz="800" dirty="0">
                <a:solidFill>
                  <a:srgbClr val="FF0000"/>
                </a:solidFill>
              </a:rPr>
              <a:t>)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DE" sz="800" dirty="0" err="1"/>
              <a:t>Rolshoven</a:t>
            </a:r>
            <a:r>
              <a:rPr lang="de-DE" sz="800" dirty="0"/>
              <a:t>, J. (2012). Zwischen den Dingen: der Raum. Das dynamische Raumverständnis der empirischen Kulturwissenschaft. In: Schweizerisches Archiv für Volkskunde (108), H. 2, S. 156–169. </a:t>
            </a:r>
            <a:endParaRPr lang="de-CH" sz="800" dirty="0"/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chubert, Herbert (2015). Lokale Governance – Einführung in das Konzept. In Knabe, Judith; van </a:t>
            </a:r>
            <a:r>
              <a:rPr lang="de-CH" sz="800" dirty="0" err="1"/>
              <a:t>Rießen</a:t>
            </a:r>
            <a:r>
              <a:rPr lang="de-CH" sz="800" dirty="0"/>
              <a:t>, Anne &amp; </a:t>
            </a:r>
            <a:r>
              <a:rPr lang="de-CH" sz="800" dirty="0" err="1"/>
              <a:t>Blandow</a:t>
            </a:r>
            <a:r>
              <a:rPr lang="de-CH" sz="800" dirty="0"/>
              <a:t>, Rolf. Städtische Quartier gestalten. Kommunale Herausforderungen und Chancen im transformierten Wohlfahrtstaat (S. 113-129). Bielefeld: </a:t>
            </a:r>
            <a:r>
              <a:rPr lang="de-CH" sz="800" dirty="0" err="1"/>
              <a:t>transcript</a:t>
            </a:r>
            <a:r>
              <a:rPr lang="de-CH" sz="800" dirty="0"/>
              <a:t>, Urban Studies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chubert, Herbert (Hrsg.) (2018). Integrierte Sozialplanung für die Versorgung im Alter. Grundlagen, Bausteine, Praxisbeispiele. Wiesbaden: Springer VS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tremlow, Jürgen; Da Rui, Gena; Müller, Marianne; Riedweg, Werner; Schnyder, Albert (2018). Gestaltung kommunaler Alterspolitik in der Schweiz. Luzern: </a:t>
            </a:r>
            <a:r>
              <a:rPr lang="de-CH" sz="800" dirty="0" err="1"/>
              <a:t>Interact</a:t>
            </a:r>
            <a:r>
              <a:rPr lang="de-CH" sz="800" dirty="0"/>
              <a:t>. </a:t>
            </a:r>
            <a:r>
              <a:rPr lang="en-US" sz="800" dirty="0"/>
              <a:t>(</a:t>
            </a:r>
            <a:r>
              <a:rPr lang="en-US" sz="800" u="sng" dirty="0">
                <a:hlinkClick r:id="rId6" action="ppaction://hlinkfile"/>
              </a:rPr>
              <a:t>file:///C:/Users/HP/Downloads/PDF%20Publikation%20IHAlterspolitik300818Leseprobe%20(1).pdf</a:t>
            </a:r>
            <a:r>
              <a:rPr lang="en-US" sz="800" dirty="0">
                <a:hlinkClick r:id="rId6" action="ppaction://hlinkfile"/>
              </a:rPr>
              <a:t>)</a:t>
            </a:r>
            <a:r>
              <a:rPr lang="en-US" sz="800" dirty="0"/>
              <a:t>.</a:t>
            </a:r>
          </a:p>
          <a:p>
            <a:pPr marL="176213" indent="-176213">
              <a:buNone/>
            </a:pPr>
            <a:endParaRPr lang="en-US" sz="800" dirty="0"/>
          </a:p>
          <a:p>
            <a:pPr marL="176213" indent="-176213">
              <a:buNone/>
            </a:pPr>
            <a:r>
              <a:rPr lang="de-CH" sz="800" dirty="0"/>
              <a:t>Tabatt-Hirschfeldt, Andrea (2015). </a:t>
            </a:r>
            <a:r>
              <a:rPr lang="de-DE" sz="800" dirty="0"/>
              <a:t>Den Wohlfahrtsmix steuern? Impulse zur Weiterentwicklung von Public-Management und Sozialmanagement aus empirischer Perspektive. Oldenburg: </a:t>
            </a:r>
            <a:r>
              <a:rPr lang="de-DE" sz="800" dirty="0" err="1"/>
              <a:t>pfv</a:t>
            </a:r>
            <a:r>
              <a:rPr lang="de-DE" sz="800" dirty="0"/>
              <a:t>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endParaRPr lang="de-CH" sz="800" dirty="0"/>
          </a:p>
        </p:txBody>
      </p:sp>
      <p:sp>
        <p:nvSpPr>
          <p:cNvPr id="4100" name="Slide Number Placehold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>
          <a:noFill/>
        </p:spPr>
        <p:txBody>
          <a:bodyPr/>
          <a:lstStyle>
            <a:lvl1pPr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fld id="{4B7394D6-FF50-4FF3-ADC2-F066BE804BA6}" type="slidenum">
              <a:rPr lang="de-CH" altLang="de-DE" sz="700" smtClean="0"/>
              <a:pPr eaLnBrk="1" hangingPunct="1">
                <a:buFontTx/>
                <a:buNone/>
              </a:pPr>
              <a:t>10</a:t>
            </a:fld>
            <a:r>
              <a:rPr lang="de-CH" altLang="de-DE" sz="700" dirty="0"/>
              <a:t>, </a:t>
            </a:r>
            <a:fld id="{41C951B6-2D97-47B4-9FD1-479B7351DAF8}" type="datetime1">
              <a:rPr lang="de-CH" altLang="de-DE" sz="700" smtClean="0"/>
              <a:pPr eaLnBrk="1" hangingPunct="1">
                <a:buFontTx/>
                <a:buNone/>
              </a:pPr>
              <a:t>15.11.2021</a:t>
            </a:fld>
            <a:endParaRPr lang="de-CH" altLang="de-DE" sz="700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BD84B97-3659-425B-AB10-DD62FF05307C}"/>
              </a:ext>
            </a:extLst>
          </p:cNvPr>
          <p:cNvSpPr txBox="1">
            <a:spLocks/>
          </p:cNvSpPr>
          <p:nvPr/>
        </p:nvSpPr>
        <p:spPr bwMode="auto">
          <a:xfrm>
            <a:off x="647700" y="404664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altLang="de-DE" sz="2400" kern="0" dirty="0"/>
              <a:t>Literatur</a:t>
            </a:r>
          </a:p>
        </p:txBody>
      </p:sp>
    </p:spTree>
    <p:extLst>
      <p:ext uri="{BB962C8B-B14F-4D97-AF65-F5344CB8AC3E}">
        <p14:creationId xmlns:p14="http://schemas.microsoft.com/office/powerpoint/2010/main" val="2919092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pattFill prst="pct10">
          <a:fgClr>
            <a:schemeClr val="accent1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altLang="de-DE" sz="2000" dirty="0"/>
              <a:t>Herausforderungen auf vier Gestaltungsdimensionen</a:t>
            </a:r>
            <a:br>
              <a:rPr lang="de-CH" altLang="de-DE" sz="2000" dirty="0"/>
            </a:br>
            <a:endParaRPr lang="de-CH" altLang="de-DE" sz="2000" dirty="0"/>
          </a:p>
        </p:txBody>
      </p:sp>
      <p:sp>
        <p:nvSpPr>
          <p:cNvPr id="4100" name="Slide Number Placehold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>
          <a:noFill/>
        </p:spPr>
        <p:txBody>
          <a:bodyPr/>
          <a:lstStyle>
            <a:lvl1pPr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fld id="{4B7394D6-FF50-4FF3-ADC2-F066BE804BA6}" type="slidenum">
              <a:rPr lang="de-CH" altLang="de-DE" sz="700" smtClean="0"/>
              <a:pPr eaLnBrk="1" hangingPunct="1">
                <a:buFontTx/>
                <a:buNone/>
              </a:pPr>
              <a:t>2</a:t>
            </a:fld>
            <a:r>
              <a:rPr lang="de-CH" altLang="de-DE" sz="700" dirty="0"/>
              <a:t>, </a:t>
            </a:r>
            <a:fld id="{41C951B6-2D97-47B4-9FD1-479B7351DAF8}" type="datetime1">
              <a:rPr lang="de-CH" altLang="de-DE" sz="700" smtClean="0"/>
              <a:pPr eaLnBrk="1" hangingPunct="1">
                <a:buFontTx/>
                <a:buNone/>
              </a:pPr>
              <a:t>15.11.2021</a:t>
            </a:fld>
            <a:endParaRPr lang="de-CH" altLang="de-DE" sz="700" dirty="0"/>
          </a:p>
        </p:txBody>
      </p:sp>
      <p:graphicFrame>
        <p:nvGraphicFramePr>
          <p:cNvPr id="2" name="Diagramm 1"/>
          <p:cNvGraphicFramePr/>
          <p:nvPr>
            <p:extLst>
              <p:ext uri="{D42A27DB-BD31-4B8C-83A1-F6EECF244321}">
                <p14:modId xmlns:p14="http://schemas.microsoft.com/office/powerpoint/2010/main" val="2083786279"/>
              </p:ext>
            </p:extLst>
          </p:nvPr>
        </p:nvGraphicFramePr>
        <p:xfrm>
          <a:off x="683568" y="1412776"/>
          <a:ext cx="7848872" cy="4896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11050556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39308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79804666"/>
              </p:ext>
            </p:extLst>
          </p:nvPr>
        </p:nvGraphicFramePr>
        <p:xfrm>
          <a:off x="571752" y="1335225"/>
          <a:ext cx="8280920" cy="479848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6275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762274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255892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/>
                        <a:t>Konzept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/>
                        <a:t>Ansätze / Erkenntniss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/>
                        <a:t>Herausforderung / Anspruch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769899">
                <a:tc>
                  <a:txBody>
                    <a:bodyPr/>
                    <a:lstStyle/>
                    <a:p>
                      <a:r>
                        <a:rPr lang="de-CH" sz="1400" b="1" dirty="0"/>
                        <a:t>Public Management</a:t>
                      </a:r>
                      <a:endParaRPr lang="de-CH" sz="1400" b="1" baseline="0" dirty="0"/>
                    </a:p>
                    <a:p>
                      <a:endParaRPr lang="de-CH" sz="1400" b="1" baseline="0" dirty="0"/>
                    </a:p>
                    <a:p>
                      <a:r>
                        <a:rPr lang="de-CH" sz="1400" baseline="0" dirty="0"/>
                        <a:t>Paradigmenwechsel in staatlicher Steuerung:</a:t>
                      </a:r>
                      <a:br>
                        <a:rPr lang="de-CH" sz="1400" baseline="0" dirty="0"/>
                      </a:br>
                      <a:r>
                        <a:rPr lang="de-CH" sz="1400" baseline="0" dirty="0"/>
                        <a:t>Public Administration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 New Public Management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New Public </a:t>
                      </a:r>
                      <a:r>
                        <a:rPr lang="de-CH" sz="1400" baseline="0" dirty="0" err="1">
                          <a:sym typeface="Wingdings" panose="05000000000000000000" pitchFamily="2" charset="2"/>
                        </a:rPr>
                        <a:t>Governance</a:t>
                      </a: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Wandel des Staatsverständnisses</a:t>
                      </a:r>
                      <a:br>
                        <a:rPr lang="de-CH" sz="1400" b="1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vom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Ordnungsstaat zum Dienstleistungsstaat zum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Bürger:innen-Staat</a:t>
                      </a: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spcBef>
                          <a:spcPts val="6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Ziel-Verschiebung 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Rechtsstaatlichkei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Wettbewerbsfähigkeit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sozialer Zusammenhalt und Partizipation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stärkere Orientierung der staatlichen Gestaltung an</a:t>
                      </a:r>
                      <a:br>
                        <a:rPr lang="de-CH" altLang="de-DE" sz="1400" dirty="0"/>
                      </a:br>
                      <a:r>
                        <a:rPr lang="de-CH" altLang="de-DE" sz="1400" b="1" dirty="0"/>
                        <a:t>New Public </a:t>
                      </a:r>
                      <a:r>
                        <a:rPr lang="de-CH" altLang="de-DE" sz="1400" b="1" dirty="0" err="1"/>
                        <a:t>Governance</a:t>
                      </a: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>
                          <a:cs typeface="Calibri" panose="020F0502020204030204" pitchFamily="34" charset="0"/>
                        </a:rPr>
                        <a:t>Veränderung des Selbst-verständnisses: </a:t>
                      </a:r>
                      <a:r>
                        <a:rPr lang="de-CH" altLang="de-DE" sz="1400" dirty="0"/>
                        <a:t>Staat als </a:t>
                      </a:r>
                      <a:r>
                        <a:rPr lang="de-CH" altLang="de-DE" sz="1400" dirty="0" err="1"/>
                        <a:t>Moderator:in</a:t>
                      </a:r>
                      <a:r>
                        <a:rPr lang="de-CH" altLang="de-DE" sz="1400" dirty="0"/>
                        <a:t>, Verhandler, </a:t>
                      </a:r>
                      <a:r>
                        <a:rPr lang="de-CH" altLang="de-DE" sz="1400" dirty="0" err="1"/>
                        <a:t>Netzwerker:in</a:t>
                      </a:r>
                      <a:endParaRPr lang="de-CH" altLang="de-DE" sz="1400" dirty="0"/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  <a:tr h="1696595">
                <a:tc>
                  <a:txBody>
                    <a:bodyPr/>
                    <a:lstStyle/>
                    <a:p>
                      <a:r>
                        <a:rPr lang="de-CH" sz="1300" b="1" dirty="0"/>
                        <a:t>Netzwerkperspektive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Alterspolitik als</a:t>
                      </a:r>
                      <a:br>
                        <a:rPr lang="de-CH" sz="140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vertik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Politikebenen) und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horizont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Verwaltungsressort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) 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Querschnittsaufgabe</a:t>
                      </a:r>
                      <a:endParaRPr lang="de-CH" altLang="de-DE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dirty="0">
                          <a:ea typeface="Times New Roman" charset="0"/>
                          <a:cs typeface="Times New Roman" charset="0"/>
                        </a:rPr>
                        <a:t>Verwaltung: </a:t>
                      </a: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Ressort übergreifende Gremien</a:t>
                      </a:r>
                    </a:p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Kooperatio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mit allen relevanten Anspruchsgruppen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Einbezug der älteren Generation</a:t>
                      </a:r>
                      <a:endParaRPr lang="de-CH" altLang="de-DE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3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lterspolitik</a:t>
            </a:r>
          </a:p>
        </p:txBody>
      </p:sp>
      <p:sp>
        <p:nvSpPr>
          <p:cNvPr id="9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1752" y="5579709"/>
            <a:ext cx="2196108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/>
              <a:t>Quelle: Bundesministerium für Familien, Senioren, Frauen und Jugend 2016 (7. Altenbericht)</a:t>
            </a:r>
            <a:endParaRPr lang="de-CH" altLang="de-DE" sz="1000" dirty="0"/>
          </a:p>
        </p:txBody>
      </p:sp>
      <p:sp>
        <p:nvSpPr>
          <p:cNvPr id="10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03583" y="3573016"/>
            <a:ext cx="2078472" cy="8617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/>
              <a:t>Quellen:</a:t>
            </a:r>
            <a:br>
              <a:rPr lang="de-DE" sz="1000" dirty="0"/>
            </a:br>
            <a:r>
              <a:rPr lang="de-DE" sz="1000" dirty="0"/>
              <a:t>Tabatt-Hirschfeldt 2015; Schubert 2015;</a:t>
            </a:r>
          </a:p>
          <a:p>
            <a:pPr eaLnBrk="1" hangingPunct="1">
              <a:buFontTx/>
              <a:buNone/>
            </a:pPr>
            <a:r>
              <a:rPr lang="de-DE" sz="1000" dirty="0"/>
              <a:t>Hablützel 2011;</a:t>
            </a:r>
            <a:br>
              <a:rPr lang="de-DE" sz="1000" dirty="0"/>
            </a:br>
            <a:r>
              <a:rPr lang="de-DE" sz="1000" dirty="0"/>
              <a:t>Osborne 2010;</a:t>
            </a:r>
            <a:endParaRPr lang="de-CH" altLang="de-DE" sz="1000" dirty="0"/>
          </a:p>
        </p:txBody>
      </p:sp>
    </p:spTree>
    <p:extLst>
      <p:ext uri="{BB962C8B-B14F-4D97-AF65-F5344CB8AC3E}">
        <p14:creationId xmlns:p14="http://schemas.microsoft.com/office/powerpoint/2010/main" val="1219530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39308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69424065"/>
              </p:ext>
            </p:extLst>
          </p:nvPr>
        </p:nvGraphicFramePr>
        <p:xfrm>
          <a:off x="571752" y="1335225"/>
          <a:ext cx="8280920" cy="40505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6275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889622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28544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/>
                        <a:t>Konzept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/>
                        <a:t>Ansätze / Erkenntniss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/>
                        <a:t>Herausforderung / Anspruch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919316">
                <a:tc>
                  <a:txBody>
                    <a:bodyPr/>
                    <a:lstStyle/>
                    <a:p>
                      <a:r>
                        <a:rPr lang="de-CH" sz="1400" b="1" dirty="0"/>
                        <a:t>Innovations-</a:t>
                      </a:r>
                      <a:r>
                        <a:rPr lang="de-CH" sz="1400" b="1" dirty="0" err="1"/>
                        <a:t>promotoren</a:t>
                      </a:r>
                      <a:br>
                        <a:rPr lang="de-CH" sz="1400" b="1" dirty="0"/>
                      </a:br>
                      <a:endParaRPr lang="de-CH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initiative Schlüssel-personen 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in Politik &amp; Verwaltung, bei Leistungs-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erbringer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, in der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Bevöl-kerung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Kooperationen, 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z.B.</a:t>
                      </a:r>
                      <a:br>
                        <a:rPr lang="de-CH" sz="1400" b="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interdepartementale Zusammenarbeit in der Verwaltung, Förderung externer thematischer Netzwerke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Einbezug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externer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Exper-tis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bei der Entwicklung (neuartige Konzepte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Sensibilisierung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und fachliche Unterstützung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der kommunalen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Verant-wortungsträger:innen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, den Innovationsbedarf zu erkennen</a:t>
                      </a: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besondere Herausforderung für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kleine bis mittelgrosse Gemeinden</a:t>
                      </a: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Unterstützungs- und Förderrolle des Kantons</a:t>
                      </a:r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4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lterspolitik</a:t>
            </a:r>
          </a:p>
        </p:txBody>
      </p:sp>
      <p:sp>
        <p:nvSpPr>
          <p:cNvPr id="8" name="Textfeld 5">
            <a:extLst>
              <a:ext uri="{FF2B5EF4-FFF2-40B4-BE49-F238E27FC236}">
                <a16:creationId xmlns:a16="http://schemas.microsoft.com/office/drawing/2014/main" id="{8F80B11C-E335-4C51-9D4B-AAD21C4C683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54996" y="5085184"/>
            <a:ext cx="2038170" cy="2462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altLang="de-DE" sz="1000" dirty="0"/>
              <a:t>Quelle: Stremlow et al. 2018</a:t>
            </a:r>
            <a:endParaRPr lang="de-CH" altLang="de-DE" sz="1000" dirty="0"/>
          </a:p>
        </p:txBody>
      </p:sp>
    </p:spTree>
    <p:extLst>
      <p:ext uri="{BB962C8B-B14F-4D97-AF65-F5344CB8AC3E}">
        <p14:creationId xmlns:p14="http://schemas.microsoft.com/office/powerpoint/2010/main" val="67300277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71355892"/>
              </p:ext>
            </p:extLst>
          </p:nvPr>
        </p:nvGraphicFramePr>
        <p:xfrm>
          <a:off x="539308" y="1337016"/>
          <a:ext cx="8263120" cy="4638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64186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0461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294324">
                  <a:extLst>
                    <a:ext uri="{9D8B030D-6E8A-4147-A177-3AD203B41FA5}">
                      <a16:colId xmlns:a16="http://schemas.microsoft.com/office/drawing/2014/main" val="125337515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Ansätze / Erkenntnisse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Fragilisierungs</a:t>
                      </a:r>
                      <a:r>
                        <a:rPr lang="de-CH" sz="1400" b="1" dirty="0"/>
                        <a:t>-prozess - Verlauf von Betreuungsphasen</a:t>
                      </a:r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dirty="0"/>
                        <a:t>Wandel des «</a:t>
                      </a:r>
                      <a:r>
                        <a:rPr lang="de-CH" sz="1400" dirty="0" err="1"/>
                        <a:t>Betreuungsmixes</a:t>
                      </a:r>
                      <a:r>
                        <a:rPr lang="de-CH" sz="1400" dirty="0"/>
                        <a:t>» im </a:t>
                      </a:r>
                      <a:r>
                        <a:rPr lang="de-CH" sz="1400" dirty="0" err="1"/>
                        <a:t>Fragilisierungsprozess</a:t>
                      </a: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/>
                        <a:t>Berücksichtigung der Vielfalt der Betreuungs-situationen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aseline="0" dirty="0"/>
                        <a:t>Gewährleistung der Koordination zwischen Leistungserbringenden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Fokus nicht nur auf Pflege, breiter Blick auf Betreu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Betreuungsmix gemäss den</a:t>
                      </a:r>
                      <a:r>
                        <a:rPr lang="de-CH" altLang="de-DE" sz="1400" baseline="0" dirty="0"/>
                        <a:t> </a:t>
                      </a:r>
                      <a:r>
                        <a:rPr lang="de-CH" altLang="de-DE" sz="1400" dirty="0"/>
                        <a:t>individuellen Bedürfnissen älterer Menschen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Finanzierung der Betreu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dirty="0"/>
                        <a:t>gezielte Unterstützung der </a:t>
                      </a:r>
                      <a:r>
                        <a:rPr lang="de-CH" sz="1400" baseline="0" dirty="0"/>
                        <a:t>betreuenden Angehörigen &amp; Freiwilligen (z.B. Entlastungs-angebote, Fachberatung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soziokulturelle Animation in der unmittelbaren Lebenswelt, Rolle der «Quartier-Kümmerer»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5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Lebenswelt der Zielgruppen</a:t>
            </a:r>
          </a:p>
        </p:txBody>
      </p:sp>
      <p:sp>
        <p:nvSpPr>
          <p:cNvPr id="10" name="Textfeld 9"/>
          <p:cNvSpPr txBox="1"/>
          <p:nvPr/>
        </p:nvSpPr>
        <p:spPr>
          <a:xfrm>
            <a:off x="542420" y="5515004"/>
            <a:ext cx="2052092" cy="4052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: </a:t>
            </a:r>
            <a:r>
              <a:rPr lang="de-CH" sz="1000" dirty="0" err="1"/>
              <a:t>Knöpfel</a:t>
            </a:r>
            <a:r>
              <a:rPr lang="de-CH" sz="1000" dirty="0"/>
              <a:t> et al. 2018, S. 210 ff.</a:t>
            </a:r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308" y="2440521"/>
            <a:ext cx="2330388" cy="2376264"/>
          </a:xfrm>
          <a:prstGeom prst="rect">
            <a:avLst/>
          </a:prstGeom>
        </p:spPr>
      </p:pic>
      <p:sp>
        <p:nvSpPr>
          <p:cNvPr id="9" name="Titel 1">
            <a:extLst>
              <a:ext uri="{FF2B5EF4-FFF2-40B4-BE49-F238E27FC236}">
                <a16:creationId xmlns:a16="http://schemas.microsoft.com/office/drawing/2014/main" id="{D4B72367-B1D0-49DB-A205-B9DD6186D3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7544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</p:spTree>
    <p:extLst>
      <p:ext uri="{BB962C8B-B14F-4D97-AF65-F5344CB8AC3E}">
        <p14:creationId xmlns:p14="http://schemas.microsoft.com/office/powerpoint/2010/main" val="25915551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97947274"/>
              </p:ext>
            </p:extLst>
          </p:nvPr>
        </p:nvGraphicFramePr>
        <p:xfrm>
          <a:off x="539552" y="1340768"/>
          <a:ext cx="8100764" cy="4988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5618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52028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924300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Ansätze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1831841">
                <a:tc>
                  <a:txBody>
                    <a:bodyPr/>
                    <a:lstStyle/>
                    <a:p>
                      <a:r>
                        <a:rPr lang="de-CH" sz="1400" b="1" dirty="0"/>
                        <a:t>integrierte</a:t>
                      </a:r>
                      <a:r>
                        <a:rPr lang="de-CH" sz="1400" b="1" baseline="0" dirty="0"/>
                        <a:t> kooperative Sozialplanung</a:t>
                      </a:r>
                      <a:endParaRPr lang="de-CH" sz="1400" b="1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iel: ältere Menschen können möglichst lange selbständig wohnen und zu Hause alt werden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Zusammenarbeit der involvierten Akteure durch Koordination von Leistungen und Angeboten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«integrierte» Versorgung</a:t>
                      </a: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kleine &amp; mittelgrosse Gemeinden: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nterkommunale Kooperation in der Leistungserbring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gezielte Gestaltung der </a:t>
                      </a:r>
                      <a:r>
                        <a:rPr lang="de-CH" altLang="de-DE" sz="1400" b="1" dirty="0"/>
                        <a:t>Übergänge</a:t>
                      </a:r>
                      <a:r>
                        <a:rPr lang="de-CH" altLang="de-DE" sz="1400" dirty="0"/>
                        <a:t> zwischen </a:t>
                      </a:r>
                      <a:r>
                        <a:rPr lang="de-CH" altLang="de-DE" sz="1400" b="1" dirty="0"/>
                        <a:t>ambulant &amp; stationär </a:t>
                      </a:r>
                      <a:r>
                        <a:rPr lang="de-CH" altLang="de-DE" sz="1400" b="0" dirty="0"/>
                        <a:t>(z.B. im Bereich des Wohnens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Realisierung von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ienstleistungs-zentr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m Sozialraum</a:t>
                      </a:r>
                      <a:b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</a:b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z.B. Stadt Schaffhausen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usammenarbeit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wisch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Berufsgrupp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: z.B. soziokultureller Animation, Sozialberatung und Pflege (ambulant &amp; stationär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usammenarbeit von Professionellen und dem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natürlichen Hilfsumfeld 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z.B. mit Angehörigen, Nachbarn, Freiwilligen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6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enstleistungen und Angebote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539552" y="5517232"/>
            <a:ext cx="176406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n:</a:t>
            </a:r>
          </a:p>
          <a:p>
            <a:r>
              <a:rPr lang="de-CH" sz="1000" dirty="0"/>
              <a:t>Schubert 2018, S. 61 ff.; S. 71</a:t>
            </a:r>
          </a:p>
          <a:p>
            <a:r>
              <a:rPr lang="de-CH" sz="1000" dirty="0"/>
              <a:t>Renner Strauss 2015</a:t>
            </a:r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7D06D9A0-AAE2-4FEB-BD39-12B44EC7A875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</p:spTree>
    <p:extLst>
      <p:ext uri="{BB962C8B-B14F-4D97-AF65-F5344CB8AC3E}">
        <p14:creationId xmlns:p14="http://schemas.microsoft.com/office/powerpoint/2010/main" val="26460788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4471941"/>
              </p:ext>
            </p:extLst>
          </p:nvPr>
        </p:nvGraphicFramePr>
        <p:xfrm>
          <a:off x="539552" y="1340768"/>
          <a:ext cx="8100764" cy="4328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04256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64296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32212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261224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e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Ansätze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3058796">
                <a:tc>
                  <a:txBody>
                    <a:bodyPr/>
                    <a:lstStyle/>
                    <a:p>
                      <a:r>
                        <a:rPr lang="de-CH" sz="1400" b="1" dirty="0"/>
                        <a:t>Einbezug der älteren Bevölkerung</a:t>
                      </a:r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alyse der aktuell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nahmegewährung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us Sicht des Staates und d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nahme-möglichkeite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us der Sicht der Bürgerinnen &amp; Bürger</a:t>
                      </a: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Ziel: Ausbau der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-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abemöglichkeiten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d Förderung der Teilnahme älteren Bevölkerung</a:t>
                      </a: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Berücksichtigung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r Situation von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dres-satinne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und Adressat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 der Planung</a:t>
                      </a: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dirty="0"/>
                        <a:t>systematischer Einbezug </a:t>
                      </a:r>
                      <a:r>
                        <a:rPr lang="de-CH" sz="1400" dirty="0"/>
                        <a:t>der Perspektive</a:t>
                      </a:r>
                      <a:r>
                        <a:rPr lang="de-CH" sz="1400" baseline="0" dirty="0"/>
                        <a:t> &amp; Expertise der älteren Bevölkerung bei der Planung und Realisierung von Dienstleistungen (z.B. mit Quartierrundgängen, Be-</a:t>
                      </a:r>
                      <a:r>
                        <a:rPr lang="de-CH" sz="1400" baseline="0" dirty="0" err="1"/>
                        <a:t>völkerungsbefragungen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Senior:innen-Foren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0" indent="0">
                        <a:buFont typeface="Wingdings" panose="05000000000000000000" pitchFamily="2" charset="2"/>
                        <a:buNone/>
                      </a:pPr>
                      <a:endParaRPr lang="de-CH" sz="1400" baseline="0" dirty="0"/>
                    </a:p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dirty="0"/>
                        <a:t>niederschwellige </a:t>
                      </a:r>
                      <a:r>
                        <a:rPr lang="de-CH" sz="1400" b="1" dirty="0"/>
                        <a:t>Zugänge für schwer erreichbare</a:t>
                      </a:r>
                      <a:r>
                        <a:rPr lang="de-CH" sz="1400" dirty="0"/>
                        <a:t> </a:t>
                      </a:r>
                      <a:r>
                        <a:rPr lang="de-CH" sz="1400" b="1" dirty="0"/>
                        <a:t>Zielgruppen</a:t>
                      </a:r>
                      <a:r>
                        <a:rPr lang="de-CH" sz="1400" dirty="0"/>
                        <a:t> (z.B. Schaffung von neuen Vermittlungsrollen im Sozialraum)</a:t>
                      </a: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7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enstleistungen und Angebote</a:t>
            </a:r>
          </a:p>
        </p:txBody>
      </p:sp>
      <p:sp>
        <p:nvSpPr>
          <p:cNvPr id="9" name="Textfeld 8"/>
          <p:cNvSpPr txBox="1"/>
          <p:nvPr/>
        </p:nvSpPr>
        <p:spPr>
          <a:xfrm>
            <a:off x="536875" y="5104828"/>
            <a:ext cx="280831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n:</a:t>
            </a:r>
            <a:br>
              <a:rPr lang="de-CH" sz="1000" dirty="0"/>
            </a:br>
            <a:r>
              <a:rPr lang="de-CH" sz="1000" dirty="0"/>
              <a:t>Lüttringhaus 2000</a:t>
            </a:r>
          </a:p>
          <a:p>
            <a:r>
              <a:rPr lang="de-CH" sz="1000" dirty="0" err="1"/>
              <a:t>Chiapparini</a:t>
            </a:r>
            <a:r>
              <a:rPr lang="de-CH" sz="1000" dirty="0"/>
              <a:t> Eicher 2019 </a:t>
            </a: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3877" y="2243478"/>
            <a:ext cx="2239931" cy="1664377"/>
          </a:xfrm>
          <a:prstGeom prst="rect">
            <a:avLst/>
          </a:prstGeom>
        </p:spPr>
      </p:pic>
      <p:sp>
        <p:nvSpPr>
          <p:cNvPr id="11" name="Textfeld 10"/>
          <p:cNvSpPr txBox="1"/>
          <p:nvPr/>
        </p:nvSpPr>
        <p:spPr>
          <a:xfrm>
            <a:off x="553008" y="3887650"/>
            <a:ext cx="240918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i="1" dirty="0"/>
              <a:t>Grafik zum Stufenmodell der Partizipation</a:t>
            </a:r>
            <a:r>
              <a:rPr lang="de-CH" sz="1000" dirty="0"/>
              <a:t>: </a:t>
            </a:r>
            <a:r>
              <a:rPr lang="de-CH" sz="1000" dirty="0" err="1"/>
              <a:t>Lüttringhaus</a:t>
            </a:r>
            <a:r>
              <a:rPr lang="de-CH" sz="1000" dirty="0"/>
              <a:t> 2000, S. 44 </a:t>
            </a:r>
          </a:p>
        </p:txBody>
      </p:sp>
      <p:sp>
        <p:nvSpPr>
          <p:cNvPr id="12" name="Titel 1">
            <a:extLst>
              <a:ext uri="{FF2B5EF4-FFF2-40B4-BE49-F238E27FC236}">
                <a16:creationId xmlns:a16="http://schemas.microsoft.com/office/drawing/2014/main" id="{8887A447-88D6-4C40-A7E8-8FC95775ABAB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</p:spTree>
    <p:extLst>
      <p:ext uri="{BB962C8B-B14F-4D97-AF65-F5344CB8AC3E}">
        <p14:creationId xmlns:p14="http://schemas.microsoft.com/office/powerpoint/2010/main" val="29692191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68088164"/>
              </p:ext>
            </p:extLst>
          </p:nvPr>
        </p:nvGraphicFramePr>
        <p:xfrm>
          <a:off x="539552" y="1340768"/>
          <a:ext cx="8169276" cy="484861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92288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3168352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2408636">
                  <a:extLst>
                    <a:ext uri="{9D8B030D-6E8A-4147-A177-3AD203B41FA5}">
                      <a16:colId xmlns:a16="http://schemas.microsoft.com/office/drawing/2014/main" val="2599642493"/>
                    </a:ext>
                  </a:extLst>
                </a:gridCol>
              </a:tblGrid>
              <a:tr h="494079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Ansatz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330457">
                <a:tc>
                  <a:txBody>
                    <a:bodyPr/>
                    <a:lstStyle/>
                    <a:p>
                      <a:r>
                        <a:rPr lang="de-CH" sz="1400" b="1" kern="0" baseline="0" dirty="0"/>
                        <a:t>Dynamisches </a:t>
                      </a:r>
                      <a:r>
                        <a:rPr lang="de-CH" sz="1400" b="1" kern="0" baseline="0" dirty="0" err="1"/>
                        <a:t>Raumver-ständnis</a:t>
                      </a:r>
                      <a:endParaRPr lang="de-CH" sz="1400" b="1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000" kern="0" dirty="0"/>
                        <a:t>Quelle: Raumtriade nach </a:t>
                      </a:r>
                      <a:r>
                        <a:rPr lang="de-CH" sz="1000" kern="0" dirty="0" err="1"/>
                        <a:t>Rolshoven</a:t>
                      </a:r>
                      <a:r>
                        <a:rPr lang="de-CH" sz="1000" kern="0" dirty="0"/>
                        <a:t> 2012,</a:t>
                      </a:r>
                      <a:r>
                        <a:rPr lang="de-CH" sz="1000" kern="0" baseline="0" dirty="0"/>
                        <a:t> S. 165</a:t>
                      </a:r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="1" dirty="0"/>
                        <a:t>mehrdimensionaler Raum-begriff - Gleichzeitigkeit von:</a:t>
                      </a: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/>
                        <a:t>Repräsentationsraum</a:t>
                      </a:r>
                      <a:r>
                        <a:rPr lang="de-CH" sz="1400" baseline="0" dirty="0"/>
                        <a:t>: symbolisch durch historische, ökonomische &amp; kulturelle Zuschreibungen konzipierter Raum (z.B. Erinnerungen &amp; emotionale Bindung an bestimmte Räume)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/>
                        <a:t>Erlebtem Raum</a:t>
                      </a:r>
                      <a:r>
                        <a:rPr lang="de-CH" sz="1400" baseline="0" dirty="0"/>
                        <a:t>: durch individuelles Handeln &amp; gesellschaftliche Praxis verwirklichter Raum (z.B. Begegnungszonen)</a:t>
                      </a: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1" baseline="0" dirty="0"/>
                        <a:t>Gebautem Raum</a:t>
                      </a:r>
                      <a:r>
                        <a:rPr lang="de-CH" sz="1400" baseline="0" dirty="0"/>
                        <a:t>: </a:t>
                      </a:r>
                      <a:r>
                        <a:rPr lang="de-CH" sz="1400" baseline="0" dirty="0" err="1"/>
                        <a:t>vermessbarer</a:t>
                      </a:r>
                      <a:r>
                        <a:rPr lang="de-CH" sz="1400" baseline="0" dirty="0"/>
                        <a:t>, baulich, materiell geschaffener Raum (z.B. Angebot &amp; Ausstattung von Parks, Plätzen, Gehwegen)</a:t>
                      </a:r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pPr marL="273050" indent="-2730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dirty="0"/>
                        <a:t>mehrdimensionale</a:t>
                      </a:r>
                      <a:r>
                        <a:rPr lang="de-CH" sz="1400" b="1" baseline="0" dirty="0"/>
                        <a:t> </a:t>
                      </a:r>
                      <a:r>
                        <a:rPr lang="de-CH" sz="1400" b="1" dirty="0"/>
                        <a:t>Raumbetrachtung </a:t>
                      </a:r>
                      <a:r>
                        <a:rPr lang="de-CH" sz="1400" dirty="0"/>
                        <a:t>bei der Planung und Gestaltung des öffentlichen Raums</a:t>
                      </a:r>
                      <a:br>
                        <a:rPr lang="de-CH" sz="1400" dirty="0"/>
                      </a:br>
                      <a:r>
                        <a:rPr lang="de-CH" sz="1400" dirty="0"/>
                        <a:t>für ältere Menschen</a:t>
                      </a:r>
                      <a:r>
                        <a:rPr lang="de-CH" sz="1400" baseline="0" dirty="0"/>
                        <a:t>         </a:t>
                      </a:r>
                      <a:r>
                        <a:rPr lang="de-CH" sz="1400" i="1" dirty="0"/>
                        <a:t>(vgl. Beispiel auf der nächsten Folie)</a:t>
                      </a:r>
                    </a:p>
                  </a:txBody>
                  <a:tcPr>
                    <a:solidFill>
                      <a:srgbClr val="FFD9D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8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7C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Raumverständnis</a:t>
            </a: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561" y="2492896"/>
            <a:ext cx="2448271" cy="1800200"/>
          </a:xfrm>
          <a:prstGeom prst="rect">
            <a:avLst/>
          </a:prstGeom>
        </p:spPr>
      </p:pic>
      <p:sp>
        <p:nvSpPr>
          <p:cNvPr id="9" name="Titel 1">
            <a:extLst>
              <a:ext uri="{FF2B5EF4-FFF2-40B4-BE49-F238E27FC236}">
                <a16:creationId xmlns:a16="http://schemas.microsoft.com/office/drawing/2014/main" id="{A179C8DB-756E-438B-A93C-315C6ED8B727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</p:spTree>
    <p:extLst>
      <p:ext uri="{BB962C8B-B14F-4D97-AF65-F5344CB8AC3E}">
        <p14:creationId xmlns:p14="http://schemas.microsoft.com/office/powerpoint/2010/main" val="379651901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de-CH" smtClean="0"/>
              <a:pPr>
                <a:defRPr/>
              </a:pPr>
              <a:t>9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defRPr/>
              </a:pPr>
              <a:t>15.11.2021</a:t>
            </a:fld>
            <a:endParaRPr lang="de-CH" dirty="0"/>
          </a:p>
        </p:txBody>
      </p:sp>
      <p:sp>
        <p:nvSpPr>
          <p:cNvPr id="5" name="Rechteck 4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7C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Raumverständnis</a:t>
            </a:r>
          </a:p>
        </p:txBody>
      </p:sp>
      <p:sp>
        <p:nvSpPr>
          <p:cNvPr id="6" name="Textfeld 5"/>
          <p:cNvSpPr txBox="1"/>
          <p:nvPr/>
        </p:nvSpPr>
        <p:spPr>
          <a:xfrm>
            <a:off x="485128" y="5964761"/>
            <a:ext cx="8205415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900" dirty="0"/>
              <a:t>Foto: Charles Habib</a:t>
            </a:r>
          </a:p>
          <a:p>
            <a:r>
              <a:rPr lang="de-CH" sz="900" dirty="0"/>
              <a:t>Quelle: Projektbericht «Altersgerechtes Wettstein», Hochschule Luzern – Soziale Arbeit 2020</a:t>
            </a:r>
          </a:p>
          <a:p>
            <a:r>
              <a:rPr lang="de-CH" sz="900" dirty="0">
                <a:hlinkClick r:id="rId3"/>
              </a:rPr>
              <a:t>https://www.age-stiftung.ch/foerderprojekt/altersgerechtes-wettstein-basel-offene-altersarbeit-im-quartier/</a:t>
            </a:r>
            <a:endParaRPr lang="de-CH" sz="900" dirty="0"/>
          </a:p>
        </p:txBody>
      </p:sp>
      <p:pic>
        <p:nvPicPr>
          <p:cNvPr id="1031" name="Picture 7" descr="https://www.age-stiftung.ch/fileadmin/_processed_/3/a/csm_L1070755_kl_94e47dba8b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556" y="1412775"/>
            <a:ext cx="6804756" cy="45365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itel 1">
            <a:extLst>
              <a:ext uri="{FF2B5EF4-FFF2-40B4-BE49-F238E27FC236}">
                <a16:creationId xmlns:a16="http://schemas.microsoft.com/office/drawing/2014/main" id="{71E12AB3-D88A-4FCF-9C2E-BF386B76D01B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Beispiel für eine mehrdimensionale Raumbetrachtung</a:t>
            </a:r>
          </a:p>
        </p:txBody>
      </p:sp>
    </p:spTree>
    <p:extLst>
      <p:ext uri="{BB962C8B-B14F-4D97-AF65-F5344CB8AC3E}">
        <p14:creationId xmlns:p14="http://schemas.microsoft.com/office/powerpoint/2010/main" val="11221774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.Powerpoint"/>
  <p:tag name="ZOAWTYPE" val="Text"/>
  <p:tag name="OFFICATWORKEXPRESSIONTAG" val="Foli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, 19.08.2016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, 19.08.201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Telephone"/>
  <p:tag name="ZOAWTYPE" val="Text"/>
  <p:tag name="OFFICATWORKEXPRESSIONTAG" val="T direk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subtitle styl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.potm" id="{55878E5F-73EC-4EA2-955B-7C48A207BF04}" vid="{56D95FDD-5734-4CE3-BED0-4F30428879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00 Präsentation</Template>
  <TotalTime>0</TotalTime>
  <Words>1393</Words>
  <Application>Microsoft Office PowerPoint</Application>
  <PresentationFormat>Bildschirmpräsentation (4:3)</PresentationFormat>
  <Paragraphs>173</Paragraphs>
  <Slides>10</Slides>
  <Notes>9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</vt:i4>
      </vt:variant>
    </vt:vector>
  </HeadingPairs>
  <TitlesOfParts>
    <vt:vector size="16" baseType="lpstr">
      <vt:lpstr>Arial</vt:lpstr>
      <vt:lpstr>Calibri</vt:lpstr>
      <vt:lpstr>Times New Roman</vt:lpstr>
      <vt:lpstr>Verdana</vt:lpstr>
      <vt:lpstr>Wingdings</vt:lpstr>
      <vt:lpstr>Default Design</vt:lpstr>
      <vt:lpstr>Inklusive und partizipative Gestaltung des öffentlichen Raums  Herausforderungen und Gestaltungsansprüche  Tagung «Altersfreundliche Umgebungen: integrierte Wohn- und Sozialräume als Chance für alle!»   </vt:lpstr>
      <vt:lpstr>Herausforderungen auf vier Gestaltungsdimensionen </vt:lpstr>
      <vt:lpstr>Neuere Konzepte, Herausforderungen und Ansprüche</vt:lpstr>
      <vt:lpstr>Neuere Konzepte, Herausforderungen und Ansprüche</vt:lpstr>
      <vt:lpstr>Neuere Konzepte, Herausforderungen und Ansprüche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>IT Services Hochschule Luzer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&lt;Titel&gt;  Tagung der Gesundheits- und Umweltkommission  der Stadt Zürich</dc:title>
  <dc:creator>Da Rui Gena HSLU SA</dc:creator>
  <cp:lastModifiedBy>Jürgen Stremlow</cp:lastModifiedBy>
  <cp:revision>419</cp:revision>
  <cp:lastPrinted>2019-04-05T07:40:07Z</cp:lastPrinted>
  <dcterms:created xsi:type="dcterms:W3CDTF">2018-12-03T15:33:43Z</dcterms:created>
  <dcterms:modified xsi:type="dcterms:W3CDTF">2021-11-15T07:46:49Z</dcterms:modified>
</cp:coreProperties>
</file>